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6"/>
  </p:notesMasterIdLst>
  <p:sldIdLst>
    <p:sldId id="343" r:id="rId2"/>
    <p:sldId id="348" r:id="rId3"/>
    <p:sldId id="352" r:id="rId4"/>
    <p:sldId id="351" r:id="rId5"/>
  </p:sldIdLst>
  <p:sldSz cx="12192000" cy="6858000"/>
  <p:notesSz cx="6858000" cy="9144000"/>
  <p:custDataLst>
    <p:tags r:id="rId7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0886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7','_parent');" TargetMode="Externa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256813" y="2041149"/>
            <a:ext cx="7591676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Impact of Misconduct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340472"/>
            <a:ext cx="6979357" cy="561112"/>
          </a:xfrm>
          <a:prstGeom prst="rect">
            <a:avLst/>
          </a:prstGeom>
        </p:spPr>
        <p:txBody>
          <a:bodyPr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2400" i="0" u="none" strike="noStrike" dirty="0" smtClean="0">
              <a:solidFill>
                <a:srgbClr val="000000"/>
              </a:solidFill>
              <a:effectLst/>
            </a:endParaRPr>
          </a:p>
          <a:p>
            <a:r>
              <a:rPr lang="en-US" sz="2400" i="0" u="none" strike="noStrike" dirty="0" smtClean="0">
                <a:solidFill>
                  <a:srgbClr val="000000"/>
                </a:solidFill>
                <a:effectLst/>
              </a:rPr>
              <a:t>What </a:t>
            </a:r>
            <a:r>
              <a:rPr lang="en-US" sz="2400" i="0" u="none" strike="noStrike" dirty="0">
                <a:solidFill>
                  <a:srgbClr val="000000"/>
                </a:solidFill>
                <a:effectLst/>
              </a:rPr>
              <a:t>is the impact of these misconducts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4" y="1257300"/>
            <a:ext cx="6720617" cy="30757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What is the impact on: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Individual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Family and friends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Community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Organization</a:t>
            </a:r>
          </a:p>
        </p:txBody>
      </p:sp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C76773A-DB2E-49EF-C65F-96FDBAD0E1F9}"/>
              </a:ext>
            </a:extLst>
          </p:cNvPr>
          <p:cNvSpPr/>
          <p:nvPr/>
        </p:nvSpPr>
        <p:spPr>
          <a:xfrm>
            <a:off x="606886" y="4675008"/>
            <a:ext cx="424566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26300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REEN_RECS_UPDATED" val="C:\Users\pc\Desktop\Nabad\safeguarding\en\lessons\impact_misconduct\"/>
  <p:tag name="ISPRING_ULTRA_SCORM_COURCE_TITLE" val="impact_misconduct"/>
  <p:tag name="ISPRING_PRESENTATION_TITLE" val="impact_misconduct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PASSING_SCORE" val="0.000000"/>
  <p:tag name="ISPRING_UUID" val="{4C9299E1-7AE1-43B6-A7C8-6E94F5B67CB1}"/>
  <p:tag name="ISPRING_RESOURCE_FOLDER" val="C:\Users\hp\Desktop\Projects\remove large files\Nabad\safeguarding\en\lessons\impact_misconduct\"/>
  <p:tag name="ISPRING_PRESENTATION_PATH" val="C:\Users\hp\Desktop\Projects\remove large files\Nabad\safeguarding\en\lessons\impact_misconduct.pptx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UID" val="{17671440-36C3-4252-A5C6-AFF69149A719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58</TotalTime>
  <Words>31</Words>
  <Application>Microsoft Office PowerPoint</Application>
  <PresentationFormat>Widescreen</PresentationFormat>
  <Paragraphs>14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9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mpact_misconduct</dc:title>
  <dc:creator>pc</dc:creator>
  <cp:lastModifiedBy>Maher</cp:lastModifiedBy>
  <cp:revision>782</cp:revision>
  <dcterms:created xsi:type="dcterms:W3CDTF">2022-11-16T16:05:09Z</dcterms:created>
  <dcterms:modified xsi:type="dcterms:W3CDTF">2024-09-22T08:24:44Z</dcterms:modified>
</cp:coreProperties>
</file>